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17"/>
  </p:sldMasterIdLst>
  <p:notesMasterIdLst>
    <p:notesMasterId r:id="rId21"/>
  </p:notesMasterIdLst>
  <p:handoutMasterIdLst>
    <p:handoutMasterId r:id="rId22"/>
  </p:handoutMasterIdLst>
  <p:sldIdLst>
    <p:sldId id="262" r:id="rId18"/>
    <p:sldId id="282" r:id="rId19"/>
    <p:sldId id="284" r:id="rId20"/>
  </p:sldIdLst>
  <p:sldSz cx="12192000" cy="6858000"/>
  <p:notesSz cx="6858000" cy="9144000"/>
  <p:embeddedFontLst>
    <p:embeddedFont>
      <p:font typeface="DI Sans Office" panose="020B0604020202020204" charset="0"/>
      <p:regular r:id="rId23"/>
      <p:bold r:id="rId24"/>
      <p:italic r:id="rId25"/>
      <p:boldItalic r:id="rId26"/>
    </p:embeddedFont>
    <p:embeddedFont>
      <p:font typeface="DI Sans Office Black" panose="020B0604020202020204" charset="0"/>
      <p:regular r:id="rId27"/>
      <p:bold r:id="rId28"/>
      <p:italic r:id="rId29"/>
      <p:boldItalic r:id="rId30"/>
    </p:embeddedFont>
    <p:embeddedFont>
      <p:font typeface="DI Serif Office" panose="020B0604020202020204" charset="0"/>
      <p:regular r:id="rId31"/>
      <p:bold r:id="rId32"/>
      <p:italic r:id="rId33"/>
      <p:boldItalic r:id="rId34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0D0D0"/>
    <a:srgbClr val="BEBEBE"/>
    <a:srgbClr val="878787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6220" autoAdjust="0"/>
  </p:normalViewPr>
  <p:slideViewPr>
    <p:cSldViewPr snapToGrid="0" showGuides="1">
      <p:cViewPr varScale="1">
        <p:scale>
          <a:sx n="109" d="100"/>
          <a:sy n="109" d="100"/>
        </p:scale>
        <p:origin x="67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2" d="100"/>
          <a:sy n="92" d="100"/>
        </p:scale>
        <p:origin x="2046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1.xml"/><Relationship Id="rId26" Type="http://schemas.openxmlformats.org/officeDocument/2006/relationships/font" Target="fonts/font4.fntdata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34" Type="http://schemas.openxmlformats.org/officeDocument/2006/relationships/font" Target="fonts/font12.fntdata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Master" Target="slideMasters/slideMaster1.xml"/><Relationship Id="rId25" Type="http://schemas.openxmlformats.org/officeDocument/2006/relationships/font" Target="fonts/font3.fntdata"/><Relationship Id="rId33" Type="http://schemas.openxmlformats.org/officeDocument/2006/relationships/font" Target="fonts/font11.fntdata"/><Relationship Id="rId38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3.xml"/><Relationship Id="rId29" Type="http://schemas.openxmlformats.org/officeDocument/2006/relationships/font" Target="fonts/font7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viewProps" Target="view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2.xml"/><Relationship Id="rId31" Type="http://schemas.openxmlformats.org/officeDocument/2006/relationships/font" Target="fonts/font9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handoutMaster" Target="handoutMasters/handout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sz="80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z="800" smtClean="0"/>
              <a:t>‹#›</a:t>
            </a:fld>
            <a:endParaRPr lang="en-GB" sz="80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z="800" smtClean="0"/>
              <a:t>04/03/2022</a:t>
            </a:fld>
            <a:endParaRPr lang="en-GB" sz="80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800"/>
            </a:lvl1pPr>
          </a:lstStyle>
          <a:p>
            <a:fld id="{1386E511-D742-4EFE-90B5-C9FC42762E0F}" type="datetimeFigureOut">
              <a:rPr lang="en-GB" smtClean="0"/>
              <a:pPr/>
              <a:t>04/03/2022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8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8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8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51243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br>
              <a:rPr lang="en-GB" dirty="0"/>
            </a:br>
            <a:r>
              <a:rPr lang="en-GB" dirty="0"/>
              <a:t>(sort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lyst</a:t>
            </a:r>
            <a:r>
              <a:rPr lang="en-GB" dirty="0"/>
              <a:t> </a:t>
            </a:r>
            <a:r>
              <a:rPr lang="en-GB" dirty="0" err="1"/>
              <a:t>foto</a:t>
            </a:r>
            <a:r>
              <a:rPr lang="en-GB" dirty="0"/>
              <a:t>)</a:t>
            </a:r>
          </a:p>
        </p:txBody>
      </p:sp>
      <p:sp>
        <p:nvSpPr>
          <p:cNvPr id="18" name="Name - UserProfile" descr="{&quot;templafy&quot;:{&quot;id&quot;:&quot;3fa1f3c3-9794-4663-9cdd-6a9cb4c9e1e9&quot;}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Anja Trier Wang</a:t>
            </a:r>
          </a:p>
        </p:txBody>
      </p:sp>
      <p:sp>
        <p:nvSpPr>
          <p:cNvPr id="19" name="Title - UserProfile" descr="{&quot;templafy&quot;:{&quot;id&quot;:&quot;bf8bda43-16d0-44fb-868a-5dd44aadb9ee&quot;}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Leading Senior Advisor</a:t>
            </a:r>
          </a:p>
        </p:txBody>
      </p:sp>
      <p:sp>
        <p:nvSpPr>
          <p:cNvPr id="20" name="GeneralDate" descr="{&quot;templafy&quot;:{&quot;id&quot;:&quot;4a506fca-6735-4b47-b206-6c2e157e99a5&quot;}}" title="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4 March 2022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3C6832D-6FE3-49B8-9A5C-B35C16C54952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</a:t>
            </a:r>
            <a:r>
              <a:rPr lang="da-DK" sz="1100" b="1" dirty="0"/>
              <a:t> lyst </a:t>
            </a:r>
            <a:r>
              <a:rPr lang="da-DK" sz="1100" dirty="0"/>
              <a:t>baggrundsbillede. Indsæt et nyt: Klik på </a:t>
            </a:r>
            <a:r>
              <a:rPr lang="da-DK" sz="1100" b="1" dirty="0"/>
              <a:t>Baggrundsbilleder </a:t>
            </a:r>
            <a:r>
              <a:rPr lang="da-DK" sz="1100" dirty="0"/>
              <a:t>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349744162" name="LogoColor" descr="{&quot;templafy&quot;:{&quot;id&quot;:&quot;2bf2d9d4-6638-40f0-a4dc-93d98a8418b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2921" y="5817600"/>
            <a:ext cx="4539600" cy="712800"/>
          </a:xfrm>
          <a:prstGeom prst="rect">
            <a:avLst/>
          </a:prstGeom>
        </p:spPr>
      </p:pic>
      <p:sp>
        <p:nvSpPr>
          <p:cNvPr id="14" name="Pagenumber 30" hidden="1">
            <a:extLst>
              <a:ext uri="{FF2B5EF4-FFF2-40B4-BE49-F238E27FC236}">
                <a16:creationId xmlns:a16="http://schemas.microsoft.com/office/drawing/2014/main" id="{B5F50ABF-1BAA-43D9-AA38-600B68946F67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6CCBD8E9-73E0-45BB-B9E3-BE36ABC4B9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FDF19F84-A717-4C58-9C6E-80C72EFAC0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BA78B9-3102-4583-9902-125279D33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I </a:t>
            </a:r>
            <a:r>
              <a:rPr lang="en-US" dirty="0" err="1"/>
              <a:t>flerelinjer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r>
              <a:rPr lang="en-US" dirty="0"/>
              <a:t> I </a:t>
            </a:r>
            <a:r>
              <a:rPr lang="en-US" dirty="0" err="1"/>
              <a:t>korrek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lys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226684662" name="image" descr="{&quot;templafy&quot;:{&quot;id&quot;:&quot;d88af8ee-dea2-4791-ac41-057b170964f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83FB32AC-CAED-4387-8773-5234BC5EAFD5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49D87B9D-E214-4187-AEA7-4FEE8700C07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0DB03D9-DF18-4C1B-9B38-BA3BE896AAF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AD9DE48-8112-431B-88DD-061099D0E8D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46515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I </a:t>
            </a:r>
            <a:r>
              <a:rPr lang="en-US" dirty="0" err="1"/>
              <a:t>fler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r>
              <a:rPr lang="en-US" dirty="0"/>
              <a:t> I </a:t>
            </a:r>
            <a:r>
              <a:rPr lang="en-US" dirty="0" err="1"/>
              <a:t>korrekt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mørk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pic>
        <p:nvPicPr>
          <p:cNvPr id="357073376" name="LogoStandardNeg" descr="{&quot;templafy&quot;:{&quot;id&quot;:&quot;979b853d-eba3-4e2a-b365-98ca193e629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D5FE0450-CA85-4A19-AB1F-EA59144CE931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A6C90AAB-393E-44C9-AEBA-254B53B3F58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D6DDFB01-2560-4964-A681-5F920934CA5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6FA7791-1BB8-4DEA-BBC3-CA14444494C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348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7248526" cy="3867150"/>
          </a:xfrm>
        </p:spPr>
        <p:txBody>
          <a:bodyPr lIns="0" rIns="0"/>
          <a:lstStyle>
            <a:lvl1pPr marL="0" indent="0">
              <a:buFont typeface="Arial" panose="020B0604020202020204" pitchFamily="34" charset="0"/>
              <a:buChar char="​"/>
              <a:defRPr sz="32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fler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. </a:t>
            </a: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br>
              <a:rPr lang="en-US" dirty="0"/>
            </a:br>
            <a:r>
              <a:rPr lang="en-US" dirty="0"/>
              <a:t>I </a:t>
            </a:r>
            <a:r>
              <a:rPr lang="en-US" dirty="0" err="1"/>
              <a:t>korrek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607D5FB-24E7-4213-A8C2-E0CDAB40C30E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da-DK" sz="1100" noProof="1"/>
              <a:t>Vil du indsætte et </a:t>
            </a:r>
            <a:r>
              <a:rPr lang="da-DK" sz="1100" b="1" noProof="1"/>
              <a:t>mørkt</a:t>
            </a:r>
            <a:r>
              <a:rPr lang="da-DK" sz="1100" noProof="1"/>
              <a:t> baggrundsbillede, indsæt nyt billede via Templafy Images ikonet, klik på billedet og vælg knappen </a:t>
            </a:r>
            <a:r>
              <a:rPr lang="da-DK" sz="1100" b="1" noProof="1"/>
              <a:t>Set slide background</a:t>
            </a:r>
            <a:r>
              <a:rPr lang="da-DK" sz="1100" noProof="1"/>
              <a:t> under DI menuen.</a:t>
            </a:r>
          </a:p>
        </p:txBody>
      </p:sp>
      <p:pic>
        <p:nvPicPr>
          <p:cNvPr id="1812449091" name="LogoStandardNeg" descr="{&quot;templafy&quot;:{&quot;id&quot;:&quot;cbe917db-973d-4c60-b52f-9ddb97114b5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B4B11615-20F6-4D1E-86F2-EF7BE5126B5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151BA9F-71E9-4FBC-89D6-810C35EC4C7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1B480451-5D11-4804-AEF3-F9F0D79B1D2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7200B1E-4C42-4093-92D4-7C59F2FD091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727985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775523515" name="LogoStandardNeg" descr="{&quot;templafy&quot;:{&quot;id&quot;:&quot;2570cddb-2644-458a-8f93-81b61432b2f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22145B0-82AC-40EF-B7A9-AD21763895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03B37BE-68A0-4BF4-86E3-E8D7A4787D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F5C055B-B71E-4EDD-A9BC-A8FB0225C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58873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Break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3875" y="21399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1947325982" name="LogoStandardNeg" descr="{&quot;templafy&quot;:{&quot;id&quot;:&quot;73f40b1f-4b09-4fdd-8aa1-2603fcaed70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22145B0-82AC-40EF-B7A9-AD21763895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03B37BE-68A0-4BF4-86E3-E8D7A4787D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F5C055B-B71E-4EDD-A9BC-A8FB0225C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29620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rå">
    <p:bg>
      <p:bgPr>
        <a:solidFill>
          <a:srgbClr val="87878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1641792124" name="LogoStandardNeg" descr="{&quot;templafy&quot;:{&quot;id&quot;:&quot;c7a5b599-ba96-4b48-b525-e6f844eb7d1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6C66DEB-7068-4B5D-8167-E3992D2411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C45D6C5B-3211-498B-91C9-42CBF5DF2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BEF9D5C-AF3B-4D8F-9384-7B6AC863A7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525834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lys grå">
    <p:bg>
      <p:bgPr>
        <a:solidFill>
          <a:srgbClr val="BEBEB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pic>
        <p:nvPicPr>
          <p:cNvPr id="1098025739" name="LogoStandardNeg" descr="{&quot;templafy&quot;:{&quot;id&quot;:&quot;d8c4a6d3-9401-4938-be69-09ed584342b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4930CE8-0A35-44B4-A60F-F9683F1D54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9054752-B015-4818-847C-2DD8D82476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4613F44-BDB0-48DA-AE53-7AB2C4977D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221546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dirty="0"/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C3054E4A-0E06-4747-850F-D4767740C2F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3740023B-3607-4AA4-9256-91939E75B49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9F4C26A6-39DF-464B-A860-56F85FFFA64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1A79F05-1D6C-4030-87A6-5EE7632BF16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6EB3C633-6CC9-481E-B3B3-AE57221DB9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0F41C304-484A-4DB9-9215-F621CD8007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7D672DF-1063-4675-9FC2-DB23EDBED4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Name - UserProfile" descr="{&quot;templafy&quot;:{&quot;id&quot;:&quot;3f7f4fac-bd8f-4390-b255-e10ad448437b&quot;}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2200" noProof="0" dirty="0" err="1">
                <a:solidFill>
                  <a:schemeClr val="bg1"/>
                </a:solidFill>
              </a:rPr>
              <a:t>Anja Trier Wang</a:t>
            </a:r>
          </a:p>
        </p:txBody>
      </p:sp>
      <p:sp>
        <p:nvSpPr>
          <p:cNvPr id="19" name="Title - UserProfile" descr="{&quot;templafy&quot;:{&quot;id&quot;:&quot;b069d617-424d-46d2-a4fe-5417f019d003&quot;}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bg1"/>
                </a:solidFill>
              </a:rPr>
              <a:t>Leading Senior Advisor</a:t>
            </a:r>
          </a:p>
        </p:txBody>
      </p:sp>
      <p:sp>
        <p:nvSpPr>
          <p:cNvPr id="20" name="GeneralDate" descr="{&quot;templafy&quot;:{&quot;id&quot;:&quot;ec9a6a26-1f82-47de-9e2c-c92a95e4ef41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bg1"/>
                </a:solidFill>
              </a:rPr>
              <a:t>4 March 2022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br>
              <a:rPr lang="en-GB" dirty="0"/>
            </a:br>
            <a:r>
              <a:rPr lang="en-GB" dirty="0"/>
              <a:t>(</a:t>
            </a:r>
            <a:r>
              <a:rPr lang="en-GB" dirty="0" err="1"/>
              <a:t>Hvid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mørk</a:t>
            </a:r>
            <a:r>
              <a:rPr lang="en-GB" dirty="0"/>
              <a:t> </a:t>
            </a:r>
            <a:r>
              <a:rPr lang="en-GB" dirty="0" err="1"/>
              <a:t>tfoto</a:t>
            </a:r>
            <a:r>
              <a:rPr lang="en-GB" dirty="0"/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923275-511B-4D4A-AFA5-B05EA79A20F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 </a:t>
            </a:r>
            <a:r>
              <a:rPr lang="da-DK" sz="1100" b="1" dirty="0"/>
              <a:t>mørkt</a:t>
            </a:r>
            <a:r>
              <a:rPr lang="da-DK" sz="1100" dirty="0"/>
              <a:t> baggrundsbillede. Indsæt et nyt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0F61CA3-8975-4101-A347-86F47BC5B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E7B7EB95-1613-415D-B1A4-9C3546D8B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6C133E-448A-4617-A5A1-1F070B989E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668436054" name="LogoNeg" descr="{&quot;templafy&quot;:{&quot;id&quot;:&quot;01e6eb6f-196e-4a74-b289-7739783afee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4925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F05F10A6-84A3-4DA1-BAA3-38D78F7BF9E9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676675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teks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l">
            <a:extLst>
              <a:ext uri="{FF2B5EF4-FFF2-40B4-BE49-F238E27FC236}">
                <a16:creationId xmlns:a16="http://schemas.microsoft.com/office/drawing/2014/main" id="{6B2B9A9F-7FBF-4586-9C4F-67C7317068F9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539750" y="731526"/>
            <a:ext cx="540000" cy="540000"/>
          </a:xfrm>
          <a:custGeom>
            <a:avLst/>
            <a:gdLst>
              <a:gd name="T0" fmla="*/ 391 w 782"/>
              <a:gd name="T1" fmla="*/ 782 h 782"/>
              <a:gd name="T2" fmla="*/ 0 w 782"/>
              <a:gd name="T3" fmla="*/ 391 h 782"/>
              <a:gd name="T4" fmla="*/ 391 w 782"/>
              <a:gd name="T5" fmla="*/ 0 h 782"/>
              <a:gd name="T6" fmla="*/ 782 w 782"/>
              <a:gd name="T7" fmla="*/ 391 h 782"/>
              <a:gd name="T8" fmla="*/ 391 w 782"/>
              <a:gd name="T9" fmla="*/ 782 h 782"/>
              <a:gd name="T10" fmla="*/ 391 w 782"/>
              <a:gd name="T11" fmla="*/ 64 h 782"/>
              <a:gd name="T12" fmla="*/ 64 w 782"/>
              <a:gd name="T13" fmla="*/ 391 h 782"/>
              <a:gd name="T14" fmla="*/ 391 w 782"/>
              <a:gd name="T15" fmla="*/ 719 h 782"/>
              <a:gd name="T16" fmla="*/ 720 w 782"/>
              <a:gd name="T17" fmla="*/ 391 h 782"/>
              <a:gd name="T18" fmla="*/ 391 w 782"/>
              <a:gd name="T19" fmla="*/ 64 h 782"/>
              <a:gd name="T20" fmla="*/ 409 w 782"/>
              <a:gd name="T21" fmla="*/ 581 h 782"/>
              <a:gd name="T22" fmla="*/ 388 w 782"/>
              <a:gd name="T23" fmla="*/ 590 h 782"/>
              <a:gd name="T24" fmla="*/ 357 w 782"/>
              <a:gd name="T25" fmla="*/ 561 h 782"/>
              <a:gd name="T26" fmla="*/ 366 w 782"/>
              <a:gd name="T27" fmla="*/ 539 h 782"/>
              <a:gd name="T28" fmla="*/ 498 w 782"/>
              <a:gd name="T29" fmla="*/ 420 h 782"/>
              <a:gd name="T30" fmla="*/ 208 w 782"/>
              <a:gd name="T31" fmla="*/ 420 h 782"/>
              <a:gd name="T32" fmla="*/ 178 w 782"/>
              <a:gd name="T33" fmla="*/ 391 h 782"/>
              <a:gd name="T34" fmla="*/ 208 w 782"/>
              <a:gd name="T35" fmla="*/ 360 h 782"/>
              <a:gd name="T36" fmla="*/ 498 w 782"/>
              <a:gd name="T37" fmla="*/ 360 h 782"/>
              <a:gd name="T38" fmla="*/ 366 w 782"/>
              <a:gd name="T39" fmla="*/ 244 h 782"/>
              <a:gd name="T40" fmla="*/ 357 w 782"/>
              <a:gd name="T41" fmla="*/ 222 h 782"/>
              <a:gd name="T42" fmla="*/ 388 w 782"/>
              <a:gd name="T43" fmla="*/ 192 h 782"/>
              <a:gd name="T44" fmla="*/ 407 w 782"/>
              <a:gd name="T45" fmla="*/ 200 h 782"/>
              <a:gd name="T46" fmla="*/ 590 w 782"/>
              <a:gd name="T47" fmla="*/ 368 h 782"/>
              <a:gd name="T48" fmla="*/ 600 w 782"/>
              <a:gd name="T49" fmla="*/ 391 h 782"/>
              <a:gd name="T50" fmla="*/ 590 w 782"/>
              <a:gd name="T51" fmla="*/ 415 h 782"/>
              <a:gd name="T52" fmla="*/ 409 w 782"/>
              <a:gd name="T53" fmla="*/ 581 h 7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</a:cxnLst>
            <a:rect l="0" t="0" r="r" b="b"/>
            <a:pathLst>
              <a:path w="782" h="782">
                <a:moveTo>
                  <a:pt x="391" y="782"/>
                </a:moveTo>
                <a:cubicBezTo>
                  <a:pt x="176" y="782"/>
                  <a:pt x="0" y="608"/>
                  <a:pt x="0" y="391"/>
                </a:cubicBezTo>
                <a:cubicBezTo>
                  <a:pt x="0" y="175"/>
                  <a:pt x="176" y="0"/>
                  <a:pt x="391" y="0"/>
                </a:cubicBezTo>
                <a:cubicBezTo>
                  <a:pt x="608" y="0"/>
                  <a:pt x="782" y="175"/>
                  <a:pt x="782" y="391"/>
                </a:cubicBezTo>
                <a:cubicBezTo>
                  <a:pt x="782" y="608"/>
                  <a:pt x="608" y="782"/>
                  <a:pt x="391" y="782"/>
                </a:cubicBezTo>
                <a:close/>
                <a:moveTo>
                  <a:pt x="391" y="64"/>
                </a:moveTo>
                <a:cubicBezTo>
                  <a:pt x="210" y="64"/>
                  <a:pt x="64" y="210"/>
                  <a:pt x="64" y="391"/>
                </a:cubicBezTo>
                <a:cubicBezTo>
                  <a:pt x="64" y="572"/>
                  <a:pt x="210" y="719"/>
                  <a:pt x="391" y="719"/>
                </a:cubicBezTo>
                <a:cubicBezTo>
                  <a:pt x="573" y="719"/>
                  <a:pt x="720" y="572"/>
                  <a:pt x="720" y="391"/>
                </a:cubicBezTo>
                <a:cubicBezTo>
                  <a:pt x="720" y="210"/>
                  <a:pt x="573" y="64"/>
                  <a:pt x="391" y="64"/>
                </a:cubicBezTo>
                <a:close/>
                <a:moveTo>
                  <a:pt x="409" y="581"/>
                </a:moveTo>
                <a:cubicBezTo>
                  <a:pt x="405" y="585"/>
                  <a:pt x="397" y="590"/>
                  <a:pt x="388" y="590"/>
                </a:cubicBezTo>
                <a:cubicBezTo>
                  <a:pt x="371" y="590"/>
                  <a:pt x="357" y="576"/>
                  <a:pt x="357" y="561"/>
                </a:cubicBezTo>
                <a:cubicBezTo>
                  <a:pt x="357" y="553"/>
                  <a:pt x="359" y="544"/>
                  <a:pt x="366" y="539"/>
                </a:cubicBezTo>
                <a:cubicBezTo>
                  <a:pt x="498" y="420"/>
                  <a:pt x="498" y="420"/>
                  <a:pt x="498" y="420"/>
                </a:cubicBezTo>
                <a:cubicBezTo>
                  <a:pt x="208" y="420"/>
                  <a:pt x="208" y="420"/>
                  <a:pt x="208" y="420"/>
                </a:cubicBezTo>
                <a:cubicBezTo>
                  <a:pt x="193" y="420"/>
                  <a:pt x="178" y="407"/>
                  <a:pt x="178" y="391"/>
                </a:cubicBezTo>
                <a:cubicBezTo>
                  <a:pt x="178" y="375"/>
                  <a:pt x="193" y="360"/>
                  <a:pt x="208" y="360"/>
                </a:cubicBezTo>
                <a:cubicBezTo>
                  <a:pt x="498" y="360"/>
                  <a:pt x="498" y="360"/>
                  <a:pt x="498" y="360"/>
                </a:cubicBezTo>
                <a:cubicBezTo>
                  <a:pt x="366" y="244"/>
                  <a:pt x="366" y="244"/>
                  <a:pt x="366" y="244"/>
                </a:cubicBezTo>
                <a:cubicBezTo>
                  <a:pt x="359" y="237"/>
                  <a:pt x="357" y="228"/>
                  <a:pt x="357" y="222"/>
                </a:cubicBezTo>
                <a:cubicBezTo>
                  <a:pt x="357" y="206"/>
                  <a:pt x="371" y="192"/>
                  <a:pt x="388" y="192"/>
                </a:cubicBezTo>
                <a:cubicBezTo>
                  <a:pt x="396" y="192"/>
                  <a:pt x="404" y="197"/>
                  <a:pt x="407" y="200"/>
                </a:cubicBezTo>
                <a:cubicBezTo>
                  <a:pt x="590" y="368"/>
                  <a:pt x="590" y="368"/>
                  <a:pt x="590" y="368"/>
                </a:cubicBezTo>
                <a:cubicBezTo>
                  <a:pt x="598" y="375"/>
                  <a:pt x="600" y="382"/>
                  <a:pt x="600" y="391"/>
                </a:cubicBezTo>
                <a:cubicBezTo>
                  <a:pt x="600" y="398"/>
                  <a:pt x="598" y="407"/>
                  <a:pt x="590" y="415"/>
                </a:cubicBezTo>
                <a:lnTo>
                  <a:pt x="409" y="581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8" name="Name - UserProfile" descr="{&quot;templafy&quot;:{&quot;id&quot;:&quot;5ae7a75c-01ca-419c-8e6d-cc96a7d186fa&quot;}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Anja Trier Wang</a:t>
            </a:r>
          </a:p>
        </p:txBody>
      </p:sp>
      <p:sp>
        <p:nvSpPr>
          <p:cNvPr id="19" name="Title - UserProfile" descr="{&quot;templafy&quot;:{&quot;id&quot;:&quot;c5771ebf-c013-4914-91cc-e4ceccac6c3b&quot;}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Leading Senior Advisor</a:t>
            </a:r>
          </a:p>
        </p:txBody>
      </p:sp>
      <p:sp>
        <p:nvSpPr>
          <p:cNvPr id="20" name="GeneralDate" descr="{&quot;templafy&quot;:{&quot;id&quot;:&quot;6df135ec-2af1-4013-9f55-cfb70c44dac7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4 March 2022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8360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accent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DD4F83-2366-4E9B-B0AA-DE51DEAC31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AA4F879-C0D4-44D2-ACD5-0CA0F9ACB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94533D-DF54-4AA4-B2D7-53AA5B483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937090777" name="LogoColor" descr="{&quot;templafy&quot;:{&quot;id&quot;:&quot;25d1cb78-41f1-4b75-aac8-8d2bed0371f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24400" y="5817720"/>
            <a:ext cx="4539600" cy="712800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E36F1D8C-04F6-4E2E-A03E-2CB263C74170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41439930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44347913" name="image" descr="{&quot;templafy&quot;:{&quot;id&quot;:&quot;40b77957-66be-42cf-bfbb-218827e7fca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46756" y="0"/>
            <a:ext cx="5947200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noProof="0" dirty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 err="1"/>
              <a:t>Klik</a:t>
            </a:r>
            <a:r>
              <a:rPr lang="en-GB" noProof="0" dirty="0"/>
              <a:t> for </a:t>
            </a:r>
            <a:r>
              <a:rPr lang="en-GB" noProof="0" dirty="0" err="1"/>
              <a:t>indsætte</a:t>
            </a:r>
            <a:r>
              <a:rPr lang="en-GB" noProof="0" dirty="0"/>
              <a:t> </a:t>
            </a:r>
            <a:r>
              <a:rPr lang="en-GB" noProof="0" dirty="0" err="1"/>
              <a:t>tekst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pic>
        <p:nvPicPr>
          <p:cNvPr id="1056572340" name="LogoStandard" descr="{&quot;templafy&quot;:{&quot;id&quot;:&quot;955e9dc0-9eb9-4f4b-a7f6-ac207fbb59b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9659989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mmereret liste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27847783" name="image" descr="{&quot;templafy&quot;:{&quot;id&quot;:&quot;509b11ba-84b0-41f6-a4eb-74f378261d8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46756" y="0"/>
            <a:ext cx="5947200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noProof="0" dirty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 marL="360000" indent="-360000">
              <a:buFont typeface="+mj-lt"/>
              <a:buAutoNum type="arabicPeriod"/>
              <a:defRPr/>
            </a:lvl1pPr>
            <a:lvl2pPr marL="612000">
              <a:defRPr/>
            </a:lvl2pPr>
            <a:lvl3pPr marL="864000">
              <a:defRPr/>
            </a:lvl3pPr>
            <a:lvl4pPr marL="1116000">
              <a:defRPr/>
            </a:lvl4pPr>
          </a:lstStyle>
          <a:p>
            <a:pPr lvl="0"/>
            <a:r>
              <a:rPr lang="en-GB" noProof="0" dirty="0" err="1"/>
              <a:t>Klik</a:t>
            </a:r>
            <a:r>
              <a:rPr lang="en-GB" noProof="0" dirty="0"/>
              <a:t> for </a:t>
            </a:r>
            <a:r>
              <a:rPr lang="en-GB" noProof="0" dirty="0" err="1"/>
              <a:t>indsætte</a:t>
            </a:r>
            <a:r>
              <a:rPr lang="en-GB" noProof="0" dirty="0"/>
              <a:t> </a:t>
            </a:r>
            <a:r>
              <a:rPr lang="en-GB" noProof="0" dirty="0" err="1"/>
              <a:t>nummereret</a:t>
            </a:r>
            <a:r>
              <a:rPr lang="en-GB" noProof="0" dirty="0"/>
              <a:t> </a:t>
            </a:r>
            <a:r>
              <a:rPr lang="en-GB" noProof="0" dirty="0" err="1"/>
              <a:t>liste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pic>
        <p:nvPicPr>
          <p:cNvPr id="903819101" name="LogoStandard" descr="{&quot;templafy&quot;:{&quot;id&quot;:&quot;386fa603-e7de-41a9-b468-306810a43682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 hidden="1">
            <a:extLst>
              <a:ext uri="{FF2B5EF4-FFF2-40B4-BE49-F238E27FC236}">
                <a16:creationId xmlns:a16="http://schemas.microsoft.com/office/drawing/2014/main" id="{0D7E937D-E3A3-4DD1-BAC9-B495040D82CF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7227259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(graf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2298"/>
            <a:ext cx="11109324" cy="79354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max. </a:t>
            </a:r>
            <a:r>
              <a:rPr lang="en-US" dirty="0" err="1"/>
              <a:t>enlinj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50" y="1522192"/>
            <a:ext cx="11109326" cy="42467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Indsæt graf som et billede fra Excel.</a:t>
            </a:r>
            <a:br>
              <a:rPr lang="da-DK" noProof="0" dirty="0"/>
            </a:br>
            <a:r>
              <a:rPr lang="da-DK" noProof="0" dirty="0"/>
              <a:t>Grafen kan også laves direkte i PowerPoint: </a:t>
            </a:r>
            <a:br>
              <a:rPr lang="da-DK" noProof="0" dirty="0"/>
            </a:br>
            <a:r>
              <a:rPr lang="da-DK" noProof="0" dirty="0"/>
              <a:t>1. Klik på DI fanen, </a:t>
            </a:r>
            <a:br>
              <a:rPr lang="da-DK" noProof="0" dirty="0"/>
            </a:br>
            <a:r>
              <a:rPr lang="da-DK" noProof="0" dirty="0"/>
              <a:t>2. </a:t>
            </a:r>
            <a:r>
              <a:rPr lang="da-DK" noProof="0" dirty="0" err="1"/>
              <a:t>Create</a:t>
            </a:r>
            <a:r>
              <a:rPr lang="da-DK" noProof="0" dirty="0"/>
              <a:t> Chart, </a:t>
            </a:r>
            <a:br>
              <a:rPr lang="da-DK" noProof="0" dirty="0"/>
            </a:br>
            <a:r>
              <a:rPr lang="da-DK" noProof="0" dirty="0"/>
              <a:t>3. Vælg efterfølgende Chart </a:t>
            </a:r>
            <a:r>
              <a:rPr lang="da-DK" noProof="0" dirty="0" err="1"/>
              <a:t>Color</a:t>
            </a:r>
            <a:r>
              <a:rPr lang="da-DK" noProof="0" dirty="0"/>
              <a:t>. 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08B1870-3920-4E74-BA14-F75568939DB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2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None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8" name="Pagenumber 30" hidden="1">
            <a:extLst>
              <a:ext uri="{FF2B5EF4-FFF2-40B4-BE49-F238E27FC236}">
                <a16:creationId xmlns:a16="http://schemas.microsoft.com/office/drawing/2014/main" id="{FD00C398-FE3E-45D3-880D-D38321AA3F6C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4564149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60076947" name="image" descr="{&quot;templafy&quot;:{&quot;id&quot;:&quot;a3192d9f-a8a0-488b-9d3e-52588f4c72f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46756" y="0"/>
            <a:ext cx="5947200" cy="6858000"/>
          </a:xfrm>
          <a:prstGeom prst="rect">
            <a:avLst/>
          </a:prstGeom>
        </p:spPr>
      </p:pic>
      <p:sp>
        <p:nvSpPr>
          <p:cNvPr id="30" name="Title 1">
            <a:extLst>
              <a:ext uri="{FF2B5EF4-FFF2-40B4-BE49-F238E27FC236}">
                <a16:creationId xmlns:a16="http://schemas.microsoft.com/office/drawing/2014/main" id="{B1949515-7F1A-4A75-9EAB-0390FA7016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da-DK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3EAB373A-F556-47CE-B40B-D6636BD685E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3" y="2349500"/>
            <a:ext cx="3420001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B24AE7-6241-4C9C-8DAC-ECD63A6E085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49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375B1A5C-DD9D-44CB-A8E4-438F9E2B5D3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367213" y="2349500"/>
            <a:ext cx="3421062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AB93CF1-2FB8-4295-8EE3-47DFFD0ACAA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39749" y="4275499"/>
            <a:ext cx="3420000" cy="1493475"/>
          </a:xfrm>
        </p:spPr>
        <p:txBody>
          <a:bodyPr tIns="180000"/>
          <a:lstStyle>
            <a:lvl1pPr marL="0" indent="0">
              <a:buNone/>
              <a:defRPr/>
            </a:lvl1pPr>
            <a:lvl2pPr marL="450000" indent="0">
              <a:buNone/>
              <a:defRPr/>
            </a:lvl2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tekst</a:t>
            </a:r>
            <a:endParaRPr lang="en-US" dirty="0"/>
          </a:p>
          <a:p>
            <a:pPr lvl="1"/>
            <a:endParaRPr lang="da-DK" dirty="0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9FFB44E-6734-463A-99D5-508165ECA8B6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66799" y="4275499"/>
            <a:ext cx="3420000" cy="1493476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C53ADEB9-01FE-42AB-B92C-06FD4D6CA22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228012" y="4275499"/>
            <a:ext cx="3421062" cy="1493475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9AAEB967-D967-4E08-AD83-04BFF3D0E9C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kredittering</a:t>
            </a:r>
            <a:endParaRPr lang="en-US" dirty="0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9859E6B-1680-4BE4-9828-BAFA198F6E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8122EAA-35F0-4569-A659-A62E56522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DCBF0F-0D4F-4D6B-9845-7DE10415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319719469" name="LogoStandard" descr="{&quot;templafy&quot;:{&quot;id&quot;:&quot;2571da9b-e8b9-4021-ba0e-18f0e135bd8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5" name="Pagenumber 30" hidden="1">
            <a:extLst>
              <a:ext uri="{FF2B5EF4-FFF2-40B4-BE49-F238E27FC236}">
                <a16:creationId xmlns:a16="http://schemas.microsoft.com/office/drawing/2014/main" id="{0441D8E2-EABE-4DC4-91A8-42BB922E363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99987053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latin typeface="+mj-lt"/>
              </a:defRPr>
            </a:lvl1pPr>
          </a:lstStyle>
          <a:p>
            <a:r>
              <a:rPr lang="da-DK" dirty="0"/>
              <a:t>Overskriften flyttes op </a:t>
            </a:r>
            <a:br>
              <a:rPr lang="da-DK" dirty="0"/>
            </a:br>
            <a:r>
              <a:rPr lang="da-DK" dirty="0"/>
              <a:t>eller ned afhængig af motiv </a:t>
            </a:r>
            <a:br>
              <a:rPr lang="da-DK" dirty="0"/>
            </a:br>
            <a:r>
              <a:rPr lang="da-DK" dirty="0"/>
              <a:t>i foto. Max. 3 linjers tekst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5BF48F6-1D9E-45BC-9597-F103FF4309FF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</a:t>
            </a:r>
            <a:r>
              <a:rPr lang="da-DK" sz="1100" b="1" dirty="0"/>
              <a:t> lyst </a:t>
            </a:r>
            <a:r>
              <a:rPr lang="da-DK" sz="1100" dirty="0"/>
              <a:t>baggrundsbillede. Indsæt et nyt: Klik på </a:t>
            </a:r>
            <a:r>
              <a:rPr lang="da-DK" sz="1100" b="1" dirty="0"/>
              <a:t>Baggrundsbilleder </a:t>
            </a:r>
            <a:r>
              <a:rPr lang="da-DK" sz="1100" dirty="0"/>
              <a:t>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2128339968" name="LogoStandard" descr="{&quot;templafy&quot;:{&quot;id&quot;:&quot;bbda3415-4e00-4894-8c89-1a48d31b58f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A2293AA5-FB1A-4BE5-9D75-EAE8F36CED7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F85542D-E470-4262-B221-3E175E25A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Pagenumber 30" hidden="1">
            <a:extLst>
              <a:ext uri="{FF2B5EF4-FFF2-40B4-BE49-F238E27FC236}">
                <a16:creationId xmlns:a16="http://schemas.microsoft.com/office/drawing/2014/main" id="{132B558D-E81E-4986-A329-383B626AE5FB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715DA2-2786-4F9A-B009-68466F6AB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1985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mørkt billede">
    <p:bg>
      <p:bgPr>
        <a:blipFill dpi="0" rotWithShape="1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Overskriften flyttes op </a:t>
            </a:r>
            <a:br>
              <a:rPr lang="da-DK" dirty="0"/>
            </a:br>
            <a:r>
              <a:rPr lang="da-DK" dirty="0"/>
              <a:t>eller ned afhængig af motiv </a:t>
            </a:r>
            <a:br>
              <a:rPr lang="da-DK" dirty="0"/>
            </a:br>
            <a:r>
              <a:rPr lang="da-DK" dirty="0"/>
              <a:t>i foto. Max. 3 linjers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E8CBF7-0847-4ADA-99A4-B1144861E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43A9880-ED3B-46FF-AC17-34410DFE2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72077E6-2070-4E74-9A60-0EA64E9DE2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615B818-AFD0-4AE7-843C-187A96364FE9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 </a:t>
            </a:r>
            <a:r>
              <a:rPr lang="da-DK" sz="1100" b="1" dirty="0"/>
              <a:t>mørkt</a:t>
            </a:r>
            <a:r>
              <a:rPr lang="da-DK" sz="1100" dirty="0"/>
              <a:t> baggrundsbillede. Indsæt et nyt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959140152" name="LogoStandardNeg" descr="{&quot;templafy&quot;:{&quot;id&quot;:&quot;7164086b-fac8-4044-8657-813e6736f58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0" name="Pagenumber 30" hidden="1">
            <a:extLst>
              <a:ext uri="{FF2B5EF4-FFF2-40B4-BE49-F238E27FC236}">
                <a16:creationId xmlns:a16="http://schemas.microsoft.com/office/drawing/2014/main" id="{EC0E8672-9DBD-48CA-9A71-BACFE2B3FDA8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36389918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56631838" name="LogoStandard" descr="{&quot;templafy&quot;:{&quot;id&quot;:&quot;f0614072-1c8d-421c-86c8-063cd1b60501&quot;}}"/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2297"/>
            <a:ext cx="11109324" cy="136319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50" y="2349500"/>
            <a:ext cx="7248526" cy="3635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 err="1"/>
              <a:t>Førs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1</a:t>
            </a:r>
          </a:p>
          <a:p>
            <a:pPr lvl="1"/>
            <a:r>
              <a:rPr lang="en-GB" noProof="0" dirty="0" err="1"/>
              <a:t>Andet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2</a:t>
            </a:r>
          </a:p>
          <a:p>
            <a:pPr lvl="2"/>
            <a:r>
              <a:rPr lang="en-GB" noProof="0" dirty="0" err="1"/>
              <a:t>Tredj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3</a:t>
            </a:r>
          </a:p>
          <a:p>
            <a:pPr lvl="3"/>
            <a:r>
              <a:rPr lang="en-GB" noProof="0" dirty="0" err="1"/>
              <a:t>Fjer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4</a:t>
            </a:r>
          </a:p>
          <a:p>
            <a:pPr lvl="4"/>
            <a:r>
              <a:rPr lang="en-GB" noProof="0" dirty="0" err="1"/>
              <a:t>Fem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Kommentarer</a:t>
            </a:r>
            <a:endParaRPr lang="en-GB" noProof="0" dirty="0"/>
          </a:p>
          <a:p>
            <a:pPr lvl="5"/>
            <a:r>
              <a:rPr lang="en-GB" noProof="0" dirty="0" err="1"/>
              <a:t>Sjett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Brød</a:t>
            </a:r>
            <a:endParaRPr lang="en-GB" noProof="0" dirty="0"/>
          </a:p>
          <a:p>
            <a:pPr lvl="6"/>
            <a:r>
              <a:rPr lang="en-GB" noProof="0" dirty="0" err="1"/>
              <a:t>Syv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Titel</a:t>
            </a:r>
            <a:endParaRPr lang="en-GB" noProof="0" dirty="0"/>
          </a:p>
          <a:p>
            <a:pPr lvl="7"/>
            <a:r>
              <a:rPr lang="en-GB" noProof="0" dirty="0" err="1"/>
              <a:t>Ott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Citat</a:t>
            </a:r>
            <a:endParaRPr lang="en-GB" noProof="0" dirty="0"/>
          </a:p>
          <a:p>
            <a:pPr lvl="8"/>
            <a:r>
              <a:rPr lang="en-GB" noProof="0" dirty="0" err="1"/>
              <a:t>Ni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Navn</a:t>
            </a:r>
            <a:endParaRPr lang="en-GB" noProof="0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498000"/>
            <a:ext cx="540000" cy="360000"/>
          </a:xfrm>
          <a:prstGeom prst="rect">
            <a:avLst/>
          </a:prstGeom>
        </p:spPr>
        <p:txBody>
          <a:bodyPr vert="horz" wrap="square" lIns="180000" tIns="0" rIns="0" bIns="180000" rtlCol="0" anchor="b" anchorCtr="0"/>
          <a:lstStyle>
            <a:lvl1pPr algn="l">
              <a:defRPr sz="900">
                <a:solidFill>
                  <a:srgbClr val="D0D0D0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Pagenumber 30" hidden="1">
            <a:extLst>
              <a:ext uri="{FF2B5EF4-FFF2-40B4-BE49-F238E27FC236}">
                <a16:creationId xmlns:a16="http://schemas.microsoft.com/office/drawing/2014/main" id="{C6BF6B8C-C07B-4BFC-AA15-0E38505E2A74}"/>
              </a:ext>
            </a:extLst>
          </p:cNvPr>
          <p:cNvSpPr txBox="1">
            <a:spLocks/>
          </p:cNvSpPr>
          <p:nvPr userDrawn="1"/>
        </p:nvSpPr>
        <p:spPr>
          <a:xfrm>
            <a:off x="1" y="6858000"/>
            <a:ext cx="0" cy="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Black" panose="020B0604020202020204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z="100" smtClean="0">
                <a:noFill/>
              </a:rPr>
              <a:pPr algn="l"/>
              <a:t>‹#›</a:t>
            </a:fld>
            <a:endParaRPr lang="en-US" sz="100" dirty="0"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45" r:id="rId2"/>
    <p:sldLayoutId id="2147483746" r:id="rId3"/>
    <p:sldLayoutId id="2147483741" r:id="rId4"/>
    <p:sldLayoutId id="2147483758" r:id="rId5"/>
    <p:sldLayoutId id="2147483754" r:id="rId6"/>
    <p:sldLayoutId id="2147483748" r:id="rId7"/>
    <p:sldLayoutId id="2147483749" r:id="rId8"/>
    <p:sldLayoutId id="2147483750" r:id="rId9"/>
    <p:sldLayoutId id="2147483751" r:id="rId10"/>
    <p:sldLayoutId id="2147483755" r:id="rId11"/>
    <p:sldLayoutId id="2147483752" r:id="rId12"/>
    <p:sldLayoutId id="2147483753" r:id="rId13"/>
    <p:sldLayoutId id="2147483759" r:id="rId14"/>
    <p:sldLayoutId id="2147483756" r:id="rId15"/>
    <p:sldLayoutId id="2147483757" r:id="rId16"/>
    <p:sldLayoutId id="2147483743" r:id="rId17"/>
    <p:sldLayoutId id="2147483744" r:id="rId18"/>
  </p:sldLayoutIdLst>
  <p:hf sldNum="0" hdr="0" ft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008000" indent="-250825" algn="l" defTabSz="914400" rtl="0" eaLnBrk="1" latinLnBrk="0" hangingPunct="1">
        <a:lnSpc>
          <a:spcPct val="100000"/>
        </a:lnSpc>
        <a:spcBef>
          <a:spcPts val="600"/>
        </a:spcBef>
        <a:buClrTx/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3200" i="1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4200" kern="1200" cap="all" baseline="0">
          <a:solidFill>
            <a:schemeClr val="tx1"/>
          </a:solidFill>
          <a:latin typeface="DI Sans Office Black" panose="00000A00000000000000" pitchFamily="2" charset="0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600" kern="1200">
          <a:solidFill>
            <a:schemeClr val="tx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i="1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pos="7338" userDrawn="1">
          <p15:clr>
            <a:srgbClr val="F26B43"/>
          </p15:clr>
        </p15:guide>
        <p15:guide id="5" orient="horz" pos="3916" userDrawn="1">
          <p15:clr>
            <a:srgbClr val="F26B43"/>
          </p15:clr>
        </p15:guide>
        <p15:guide id="6" orient="horz" pos="1480" userDrawn="1">
          <p15:clr>
            <a:srgbClr val="F26B43"/>
          </p15:clr>
        </p15:guide>
        <p15:guide id="7" pos="2502" userDrawn="1">
          <p15:clr>
            <a:srgbClr val="F26B43"/>
          </p15:clr>
        </p15:guide>
        <p15:guide id="8" pos="2751" userDrawn="1">
          <p15:clr>
            <a:srgbClr val="F26B43"/>
          </p15:clr>
        </p15:guide>
        <p15:guide id="9" pos="4906" userDrawn="1">
          <p15:clr>
            <a:srgbClr val="F26B43"/>
          </p15:clr>
        </p15:guide>
        <p15:guide id="10" pos="5178" userDrawn="1">
          <p15:clr>
            <a:srgbClr val="F26B43"/>
          </p15:clr>
        </p15:guide>
        <p15:guide id="11" orient="horz" pos="363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3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09E0EF-26E4-4725-B1A6-9FE06638912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Aldersfordeling på EUD og udvikling i ubrugte studenterhuer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64565449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>
            <a:extLst>
              <a:ext uri="{FF2B5EF4-FFF2-40B4-BE49-F238E27FC236}">
                <a16:creationId xmlns:a16="http://schemas.microsoft.com/office/drawing/2014/main" id="{952EBF69-1337-41C0-9D89-0F4560A17E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2298"/>
            <a:ext cx="11109324" cy="793540"/>
          </a:xfrm>
        </p:spPr>
        <p:txBody>
          <a:bodyPr/>
          <a:lstStyle/>
          <a:p>
            <a:r>
              <a:rPr lang="en-US" dirty="0"/>
              <a:t>Det </a:t>
            </a:r>
            <a:r>
              <a:rPr lang="en-US" dirty="0" err="1"/>
              <a:t>klemte</a:t>
            </a:r>
            <a:r>
              <a:rPr lang="en-US" dirty="0"/>
              <a:t> </a:t>
            </a:r>
            <a:r>
              <a:rPr lang="en-US" dirty="0" err="1"/>
              <a:t>mellembarn</a:t>
            </a:r>
            <a:r>
              <a:rPr lang="en-US" dirty="0"/>
              <a:t> </a:t>
            </a:r>
            <a:r>
              <a:rPr lang="en-US" dirty="0" err="1"/>
              <a:t>på</a:t>
            </a:r>
            <a:r>
              <a:rPr lang="en-US" dirty="0"/>
              <a:t> 18-24 </a:t>
            </a:r>
            <a:r>
              <a:rPr lang="en-US" dirty="0" err="1"/>
              <a:t>år</a:t>
            </a:r>
            <a:r>
              <a:rPr lang="en-US" dirty="0"/>
              <a:t>...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E78F98A-D2F4-4EAA-B35A-E21C614A21A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404000" y="1522191"/>
            <a:ext cx="8814956" cy="471600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55605876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271292-1EB9-4780-ABE5-43804A9558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lere og flere ufaglærte studenter </a:t>
            </a:r>
            <a:br>
              <a:rPr lang="da-DK" dirty="0"/>
            </a:br>
            <a:r>
              <a:rPr lang="da-DK" sz="2000" dirty="0"/>
              <a:t>(studenter som ikke er i gang med en kompetencegivende uddannelse 2 år efter gymnasiet)</a:t>
            </a:r>
          </a:p>
        </p:txBody>
      </p:sp>
      <p:pic>
        <p:nvPicPr>
          <p:cNvPr id="13" name="Content Placeholder 12">
            <a:extLst>
              <a:ext uri="{FF2B5EF4-FFF2-40B4-BE49-F238E27FC236}">
                <a16:creationId xmlns:a16="http://schemas.microsoft.com/office/drawing/2014/main" id="{5D14DDA3-2A52-4FF0-96FD-7C8BA73E73B8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1184791" y="1935819"/>
            <a:ext cx="7192893" cy="4005961"/>
          </a:xfrm>
        </p:spPr>
      </p:pic>
    </p:spTree>
    <p:extLst>
      <p:ext uri="{BB962C8B-B14F-4D97-AF65-F5344CB8AC3E}">
        <p14:creationId xmlns:p14="http://schemas.microsoft.com/office/powerpoint/2010/main" val="10468274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85374980677943"/>
</p:tagLst>
</file>

<file path=ppt/theme/theme1.xml><?xml version="1.0" encoding="utf-8"?>
<a:theme xmlns:a="http://schemas.openxmlformats.org/drawingml/2006/main" name="Blank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200" noProof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200" noProof="0" dirty="0" err="1" smtClean="0">
            <a:latin typeface="+mn-lt"/>
          </a:defRPr>
        </a:defPPr>
      </a:lstStyle>
    </a:txDef>
  </a:objectDefaults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DI 16-9.potx" id="{8114CD07-93AA-4ED3-A031-F8E9D29CC550}" vid="{47626EB9-3F57-4EF0-9975-767A11F80043}"/>
    </a:ext>
  </a:extLst>
</a:theme>
</file>

<file path=ppt/theme/theme2.xml><?xml version="1.0" encoding="utf-8"?>
<a:theme xmlns:a="http://schemas.openxmlformats.org/drawingml/2006/main" name="Office-tema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7124283980092953","enableDocumentContentUpdater":true,"version":"1.3"}]]></TemplafySlideTemplate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7438931202930076","enableDocumentContentUpdater":true,"version":"1.3"}]]></TemplafySlideTemplateConfiguration>
</file>

<file path=customXml/item1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5915691","version":"1.3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FormConfiguration><![CDATA[{"formFields":[{"required":true,"helpTexts":{"prefix":"","postfix":""},"spacing":{},"type":"datePicker","name":"Date","label":"Date","fullyQualifiedName":"Date"}],"formDataEntries":[{"name":"Date","value":"Iem6t/lVOiAc75cVYbgrIw=="}]}]]></TemplafyFormConfiguration>
</file>

<file path=customXml/item15.xml><?xml version="1.0" encoding="utf-8"?>
<TemplafyTemplateConfiguration><![CDATA[{"elementsMetadata":[{"type":"shape","id":"f0614072-1c8d-421c-86c8-063cd1b60501","elementConfiguration":{"inheritDimensions":"inheritNone","width":"12.61 cm","height":"1.98 cm","binding":"UserProfile.LogoSelection.LogoStandard_{{DocumentLanguage}}","disableUpdates":false,"type":"image"}},{"type":"shape","id":"bbda3415-4e00-4894-8c89-1a48d31b58f1","elementConfiguration":{"inheritDimensions":"inheritNone","width":"12.61 cm","height":"1.98 cm","binding":"UserProfile.LogoSelection.LogoStandard_{{DocumentLanguage}}","disableUpdates":false,"type":"image"}},{"type":"shape","id":"2570cddb-2644-458a-8f93-81b61432b2f0","elementConfiguration":{"inheritDimensions":"inheritNone","width":"12.61 cm","height":"1.98 cm","binding":"UserProfile.LogoSelection.LogoStandardNeg_{{DocumentLanguage}}","disableUpdates":false,"type":"image"}},{"type":"shape","id":"5ae7a75c-01ca-419c-8e6d-cc96a7d186fa","elementConfiguration":{"binding":"UserProfile.Name","disableUpdates":false,"type":"text"}},{"type":"shape","id":"c5771ebf-c013-4914-91cc-e4ceccac6c3b","elementConfiguration":{"binding":"UserProfile.Title","disableUpdates":false,"type":"text"}},{"type":"shape","id":"6df135ec-2af1-4013-9f55-cfb70c44dac7","elementConfiguration":{"format":"{{DateFormats.GeneralDate}}","binding":"Form.Date","disableUpdates":false,"type":"date"}},{"type":"shape","id":"25d1cb78-41f1-4b75-aac8-8d2bed0371f2","elementConfiguration":{"inheritDimensions":"inheritNone","width":"12.61 cm","height":"1.98 cm","binding":"UserProfile.LogoSelection.LogoColor_{{DocumentLanguage}}","disableUpdates":false,"type":"image"}},{"type":"shape","id":"a3192d9f-a8a0-488b-9d3e-52588f4c72fc","elementConfiguration":{"inheritDimensions":"inheritNone","width":"16.52 cm","height":"19.05 cm","binding":"UserProfile.LogoSelection.LogoElement_{{DocumentLanguage}}","disableUpdates":false,"type":"image"}},{"type":"shape","id":"2571da9b-e8b9-4021-ba0e-18f0e135bd8b","elementConfiguration":{"inheritDimensions":"inheritNone","width":"12.61 cm","height":"1.98 cm","binding":"UserProfile.LogoSelection.LogoStandard_{{DocumentLanguage}}","disableUpdates":false,"type":"image"}},{"type":"shape","id":"cbe917db-973d-4c60-b52f-9ddb97114b5d","elementConfiguration":{"inheritDimensions":"inheritNone","width":"12.61 cm","height":"1.98 cm","binding":"UserProfile.LogoSelection.LogoStandardNeg_{{DocumentLanguage}}","disableUpdates":false,"type":"image"}},{"type":"shape","id":"3f7f4fac-bd8f-4390-b255-e10ad448437b","elementConfiguration":{"binding":"UserProfile.Name","disableUpdates":false,"type":"text"}},{"type":"shape","id":"b069d617-424d-46d2-a4fe-5417f019d003","elementConfiguration":{"binding":"UserProfile.Title","disableUpdates":false,"type":"text"}},{"type":"shape","id":"ec9a6a26-1f82-47de-9e2c-c92a95e4ef41","elementConfiguration":{"format":"{{DateFormats.GeneralDate}}","binding":"Form.Date","disableUpdates":false,"type":"date"}},{"type":"shape","id":"01e6eb6f-196e-4a74-b289-7739783afee4","elementConfiguration":{"inheritDimensions":"inheritNone","width":"12.61 cm","height":"1.98 cm","binding":"UserProfile.LogoSelection.LogoNeg_{{DocumentLanguage}}","disableUpdates":false,"type":"image"}},{"type":"shape","id":"d8c4a6d3-9401-4938-be69-09ed584342b0","elementConfiguration":{"inheritDimensions":"inheritNone","width":"12.61 cm","height":"1.98 cm","binding":"UserProfile.LogoSelection.LogoStandardNeg_{{DocumentLanguage}}","disableUpdates":false,"type":"image"}},{"type":"shape","id":"3fa1f3c3-9794-4663-9cdd-6a9cb4c9e1e9","elementConfiguration":{"binding":"UserProfile.Name","disableUpdates":false,"type":"text"}},{"type":"shape","id":"bf8bda43-16d0-44fb-868a-5dd44aadb9ee","elementConfiguration":{"binding":"UserProfile.Title","disableUpdates":false,"type":"text"}},{"type":"shape","id":"4a506fca-6735-4b47-b206-6c2e157e99a5","elementConfiguration":{"format":"{{DateFormats.GeneralDate}}","binding":"Form.Date","disableUpdates":false,"type":"date"}},{"type":"shape","id":"2bf2d9d4-6638-40f0-a4dc-93d98a8418bc","elementConfiguration":{"inheritDimensions":"inheritNone","width":"12.61 cm","height":"1.98 cm","binding":"UserProfile.LogoSelection.LogoColor_{{DocumentLanguage}}","disableUpdates":false,"type":"image"}},{"type":"shape","id":"979b853d-eba3-4e2a-b365-98ca193e6293","elementConfiguration":{"inheritDimensions":"inheritNone","width":"12.61 cm","height":"1.98 cm","binding":"UserProfile.LogoSelection.LogoStandardNeg_{{DocumentLanguage}}","disableUpdates":false,"type":"image"}},{"type":"shape","id":"509b11ba-84b0-41f6-a4eb-74f378261d8a","elementConfiguration":{"inheritDimensions":"inheritNone","width":"16.52 cm","height":"19.05 cm","binding":"UserProfile.LogoSelection.LogoElement_{{DocumentLanguage}}","disableUpdates":false,"type":"image"}},{"type":"shape","id":"386fa603-e7de-41a9-b468-306810a43682","elementConfiguration":{"inheritDimensions":"inheritNone","width":"12.61 cm","height":"1.98 cm","binding":"UserProfile.LogoSelection.LogoStandard_{{DocumentLanguage}}","disableUpdates":false,"type":"image"}},{"type":"shape","id":"c7a5b599-ba96-4b48-b525-e6f844eb7d1a","elementConfiguration":{"inheritDimensions":"inheritNone","width":"12.61 cm","height":"1.98 cm","binding":"UserProfile.LogoSelection.LogoStandardNeg_{{DocumentLanguage}}","disableUpdates":false,"type":"image"}},{"type":"shape","id":"d88af8ee-dea2-4791-ac41-057b170964ff","elementConfiguration":{"inheritDimensions":"inheritNone","width":"12.61 cm","height":"1.98 cm","binding":"UserProfile.LogoSelection.LogoCitatA_{{DocumentLanguage}}","disableUpdates":false,"type":"image"}},{"type":"shape","id":"40b77957-66be-42cf-bfbb-218827e7fcab","elementConfiguration":{"inheritDimensions":"inheritNone","width":"16.52 cm","height":"19.05 cm","binding":"UserProfile.LogoSelection.LogoElement_{{DocumentLanguage}}","disableUpdates":false,"type":"image"}},{"type":"shape","id":"955e9dc0-9eb9-4f4b-a7f6-ac207fbb59bc","elementConfiguration":{"inheritDimensions":"inheritNone","width":"12.61 cm","height":"1.98 cm","binding":"UserProfile.LogoSelection.LogoStandard_{{DocumentLanguage}}","disableUpdates":false,"type":"image"}},{"type":"shape","id":"7164086b-fac8-4044-8657-813e6736f58b","elementConfiguration":{"inheritDimensions":"inheritNone","width":"12.61 cm","height":"1.98 cm","binding":"UserProfile.LogoSelection.LogoStandardNeg_{{DocumentLanguage}}","disableUpdates":false,"type":"image"}},{"type":"shape","id":"73f40b1f-4b09-4fdd-8aa1-2603fcaed704","elementConfiguration":{"inheritDimensions":"inheritNone","width":"12.61 cm","height":"1.98 cm","binding":"UserProfile.LogoSelection.LogoStandardNeg_{{DocumentLanguage}}","disableUpdates":false,"type":"image"}}],"transformationConfigurations":[{"colorTheme":"{{UserProfile.Office.ThemeColor}}","originalColorThemeXml":"<a:clrScheme name=\"DI Corporate\" xmlns:a=\"http://schemas.openxmlformats.org/drawingml/2006/main\"><a:dk1><a:srgbClr val=\"000000\" /></a:dk1><a:lt1><a:srgbClr val=\"FFFFFF\" /></a:lt1><a:dk2><a:srgbClr val=\"D0D0D0\" /></a:dk2><a:lt2><a:srgbClr val=\"F7F7F7\" /></a:lt2><a:accent1><a:srgbClr val=\"0092D7\" /></a:accent1><a:accent2><a:srgbClr val=\"98D0EF\" /></a:accent2><a:accent3><a:srgbClr val=\"9B2373\" /></a:accent3><a:accent4><a:srgbClr val=\"E6B3D5\" /></a:accent4><a:accent5><a:srgbClr val=\"37B082\" /></a:accent5><a:accent6><a:srgbClr val=\"C3E7D9\" /></a:accent6><a:hlink><a:srgbClr val=\"464646\" /></a:hlink><a:folHlink><a:srgbClr val=\"000000\" /></a:folHlink></a:clrScheme>","disableUpdates":false,"type":"colorTheme"}],"templateName":"","templateDescription":"","enableDocumentContentUpdater":true,"version":"1.3"}]]></TemplafyTemplateConfiguration>
</file>

<file path=customXml/item16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6808954515915690","enableDocumentContentUpdater":true,"version":"1.3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4509420"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6808954516071938","enableDocumentContentUpdater":true,"version":"1.3"}]]></TemplafySlideTemplate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6808954516071939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F2204D0F-B8DE-44C1-A191-5887927F98CC}">
  <ds:schemaRefs/>
</ds:datastoreItem>
</file>

<file path=customXml/itemProps10.xml><?xml version="1.0" encoding="utf-8"?>
<ds:datastoreItem xmlns:ds="http://schemas.openxmlformats.org/officeDocument/2006/customXml" ds:itemID="{2FB1F1CB-F3D1-4EFE-94D0-9D7151F8FAD5}">
  <ds:schemaRefs/>
</ds:datastoreItem>
</file>

<file path=customXml/itemProps11.xml><?xml version="1.0" encoding="utf-8"?>
<ds:datastoreItem xmlns:ds="http://schemas.openxmlformats.org/officeDocument/2006/customXml" ds:itemID="{C3A47155-F787-4A9C-9EDB-C734BDF04415}">
  <ds:schemaRefs/>
</ds:datastoreItem>
</file>

<file path=customXml/itemProps12.xml><?xml version="1.0" encoding="utf-8"?>
<ds:datastoreItem xmlns:ds="http://schemas.openxmlformats.org/officeDocument/2006/customXml" ds:itemID="{3A10A9C3-7F93-4662-AB01-59E7717416FE}">
  <ds:schemaRefs/>
</ds:datastoreItem>
</file>

<file path=customXml/itemProps13.xml><?xml version="1.0" encoding="utf-8"?>
<ds:datastoreItem xmlns:ds="http://schemas.openxmlformats.org/officeDocument/2006/customXml" ds:itemID="{41BA1C18-A36F-4729-B9C1-414681A9432C}">
  <ds:schemaRefs/>
</ds:datastoreItem>
</file>

<file path=customXml/itemProps14.xml><?xml version="1.0" encoding="utf-8"?>
<ds:datastoreItem xmlns:ds="http://schemas.openxmlformats.org/officeDocument/2006/customXml" ds:itemID="{1EF4E55D-2482-4D1C-9EAE-C845FBA1F98A}">
  <ds:schemaRefs/>
</ds:datastoreItem>
</file>

<file path=customXml/itemProps15.xml><?xml version="1.0" encoding="utf-8"?>
<ds:datastoreItem xmlns:ds="http://schemas.openxmlformats.org/officeDocument/2006/customXml" ds:itemID="{291500AC-E39E-4F40-A6DB-F6A71073DF96}">
  <ds:schemaRefs/>
</ds:datastoreItem>
</file>

<file path=customXml/itemProps16.xml><?xml version="1.0" encoding="utf-8"?>
<ds:datastoreItem xmlns:ds="http://schemas.openxmlformats.org/officeDocument/2006/customXml" ds:itemID="{97C87EAA-1A5F-47EE-AA46-70F58559CA3B}">
  <ds:schemaRefs/>
</ds:datastoreItem>
</file>

<file path=customXml/itemProps2.xml><?xml version="1.0" encoding="utf-8"?>
<ds:datastoreItem xmlns:ds="http://schemas.openxmlformats.org/officeDocument/2006/customXml" ds:itemID="{E2270BB7-6951-4145-A709-84BC48A06248}">
  <ds:schemaRefs/>
</ds:datastoreItem>
</file>

<file path=customXml/itemProps3.xml><?xml version="1.0" encoding="utf-8"?>
<ds:datastoreItem xmlns:ds="http://schemas.openxmlformats.org/officeDocument/2006/customXml" ds:itemID="{E9491815-D6F2-4AF8-8140-13376DFE8338}">
  <ds:schemaRefs/>
</ds:datastoreItem>
</file>

<file path=customXml/itemProps4.xml><?xml version="1.0" encoding="utf-8"?>
<ds:datastoreItem xmlns:ds="http://schemas.openxmlformats.org/officeDocument/2006/customXml" ds:itemID="{61531FEB-C1DC-4B67-B0C4-5473EDC03597}">
  <ds:schemaRefs/>
</ds:datastoreItem>
</file>

<file path=customXml/itemProps5.xml><?xml version="1.0" encoding="utf-8"?>
<ds:datastoreItem xmlns:ds="http://schemas.openxmlformats.org/officeDocument/2006/customXml" ds:itemID="{CDBD0379-C95C-4019-A746-F381126469F4}">
  <ds:schemaRefs/>
</ds:datastoreItem>
</file>

<file path=customXml/itemProps6.xml><?xml version="1.0" encoding="utf-8"?>
<ds:datastoreItem xmlns:ds="http://schemas.openxmlformats.org/officeDocument/2006/customXml" ds:itemID="{46D4138A-B0F6-48FA-8CCF-126A21808185}">
  <ds:schemaRefs/>
</ds:datastoreItem>
</file>

<file path=customXml/itemProps7.xml><?xml version="1.0" encoding="utf-8"?>
<ds:datastoreItem xmlns:ds="http://schemas.openxmlformats.org/officeDocument/2006/customXml" ds:itemID="{C550A66E-BED0-4B8E-8B04-B56053D44FE4}">
  <ds:schemaRefs/>
</ds:datastoreItem>
</file>

<file path=customXml/itemProps8.xml><?xml version="1.0" encoding="utf-8"?>
<ds:datastoreItem xmlns:ds="http://schemas.openxmlformats.org/officeDocument/2006/customXml" ds:itemID="{99EB29D2-C8CA-418D-B43C-BAA03E512281}">
  <ds:schemaRefs/>
</ds:datastoreItem>
</file>

<file path=customXml/itemProps9.xml><?xml version="1.0" encoding="utf-8"?>
<ds:datastoreItem xmlns:ds="http://schemas.openxmlformats.org/officeDocument/2006/customXml" ds:itemID="{71344B33-F68A-4FFD-86EF-51F1D3EC5F3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704</TotalTime>
  <Words>38</Words>
  <Application>Microsoft Office PowerPoint</Application>
  <PresentationFormat>Widescreen</PresentationFormat>
  <Paragraphs>4</Paragraphs>
  <Slides>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8" baseType="lpstr">
      <vt:lpstr>DI Serif Office</vt:lpstr>
      <vt:lpstr>DI Sans Office</vt:lpstr>
      <vt:lpstr>Arial</vt:lpstr>
      <vt:lpstr>DI Sans Office Black</vt:lpstr>
      <vt:lpstr>Blank</vt:lpstr>
      <vt:lpstr>Aldersfordeling på EUD og udvikling i ubrugte studenterhuer</vt:lpstr>
      <vt:lpstr>Det klemte mellembarn på 18-24 år...</vt:lpstr>
      <vt:lpstr>Flere og flere ufaglærte studenter  (studenter som ikke er i gang med en kompetencegivende uddannelse 2 år efter gymnasiet)</vt:lpstr>
    </vt:vector>
  </TitlesOfParts>
  <Company>Dansk Industri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ansk Industri</dc:creator>
  <cp:lastModifiedBy>Anja Trier Wang</cp:lastModifiedBy>
  <cp:revision>109</cp:revision>
  <dcterms:created xsi:type="dcterms:W3CDTF">2017-10-16T06:12:41Z</dcterms:created>
  <dcterms:modified xsi:type="dcterms:W3CDTF">2022-03-04T10:40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21-10-28T10:03:09.5960388Z</vt:lpwstr>
  </property>
  <property fmtid="{D5CDD505-2E9C-101B-9397-08002B2CF9AE}" pid="4" name="TemplafyTenantId">
    <vt:lpwstr>danskindustri</vt:lpwstr>
  </property>
  <property fmtid="{D5CDD505-2E9C-101B-9397-08002B2CF9AE}" pid="5" name="TemplafyTemplateId">
    <vt:lpwstr>636808954502867055</vt:lpwstr>
  </property>
  <property fmtid="{D5CDD505-2E9C-101B-9397-08002B2CF9AE}" pid="6" name="TemplafyUserProfileId">
    <vt:lpwstr>637153686010774824</vt:lpwstr>
  </property>
  <property fmtid="{D5CDD505-2E9C-101B-9397-08002B2CF9AE}" pid="7" name="TemplafyLanguageCode">
    <vt:lpwstr>en-GB</vt:lpwstr>
  </property>
</Properties>
</file>